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130"/>
  <workbookPr defaultThemeVersion="124226"/>
  <mc:AlternateContent xmlns:mc="http://schemas.openxmlformats.org/markup-compatibility/2006">
    <mc:Choice Requires="x15">
      <x15ac:absPath xmlns:x15ac="http://schemas.microsoft.com/office/spreadsheetml/2010/11/ac" url="C:\Users\s5910942\Documents\Licitatorios\Hipotecario\Envio Pliego (18 sep)\"/>
    </mc:Choice>
  </mc:AlternateContent>
  <xr:revisionPtr revIDLastSave="0" documentId="13_ncr:1_{662775A4-F0E0-487D-9A30-71651C544FD8}" xr6:coauthVersionLast="47" xr6:coauthVersionMax="47" xr10:uidLastSave="{00000000-0000-0000-0000-000000000000}"/>
  <bookViews>
    <workbookView xWindow="-110" yWindow="-110" windowWidth="19420" windowHeight="10420" xr2:uid="{00000000-000D-0000-FFFF-FFFF00000000}"/>
  </bookViews>
  <sheets>
    <sheet name="Todo Riesgo Construcción" sheetId="4" r:id="rId1"/>
  </sheets>
  <definedNames>
    <definedName name="_xlnm.Print_Area" localSheetId="0">'Todo Riesgo Construcción'!$A$1:$B$102</definedName>
    <definedName name="_xlnm.Print_Titles" localSheetId="0">'Todo Riesgo Construcción'!$2:$2</definedName>
  </definedNames>
  <calcPr calcId="145621"/>
</workbook>
</file>

<file path=xl/sharedStrings.xml><?xml version="1.0" encoding="utf-8"?>
<sst xmlns="http://schemas.openxmlformats.org/spreadsheetml/2006/main" count="148" uniqueCount="120">
  <si>
    <t>FORMA DE PAGO</t>
  </si>
  <si>
    <t>Colombia.</t>
  </si>
  <si>
    <t>Aplica</t>
  </si>
  <si>
    <t>4 semanas</t>
  </si>
  <si>
    <t>1. Pérdidas o Daños Accidentales</t>
  </si>
  <si>
    <t>Incluida</t>
  </si>
  <si>
    <t>CONDICIONES PARTICULARES ADICIONALES</t>
  </si>
  <si>
    <t>DEDUCIBLES</t>
  </si>
  <si>
    <t>OBSERVACIONES ADICIONALES</t>
  </si>
  <si>
    <t xml:space="preserve">* No se renuncia a la aplicación de infraseguro </t>
  </si>
  <si>
    <t>* El presupuesto de construcción, el cronograma de obra, los estudios geotécnicos o de suelos y la inspección del riesgo hacen parte integrante de la póliza</t>
  </si>
  <si>
    <t>* Cronograma de obra</t>
  </si>
  <si>
    <t>* Estudio de suelos</t>
  </si>
  <si>
    <t xml:space="preserve">8. Cronograma de construcción </t>
  </si>
  <si>
    <t xml:space="preserve">9. Gastos extraordinarios por tiempo extra, trabajo nocturno, trabajo en días festivos, flete expreso  </t>
  </si>
  <si>
    <t xml:space="preserve">10. Estructuras en Zonas sísmicas </t>
  </si>
  <si>
    <t>12. Cables subterráneos</t>
  </si>
  <si>
    <t xml:space="preserve">15. Propiedad Existente </t>
  </si>
  <si>
    <t xml:space="preserve">16. Cimentaciones por pilotaje y tablestacados para fosas de obras  </t>
  </si>
  <si>
    <t xml:space="preserve">2. Terremoto, temblor o erupción volcánica </t>
  </si>
  <si>
    <t>* Cláusula de asentamientos</t>
  </si>
  <si>
    <t>* Cláusula de inundación 20 años</t>
  </si>
  <si>
    <t xml:space="preserve">COBERTURAS Y SUBLIMITES POR PROYECTO </t>
  </si>
  <si>
    <t xml:space="preserve">4. Hurto Calificado </t>
  </si>
  <si>
    <t xml:space="preserve">* Clausula de cooperación de reclamos </t>
  </si>
  <si>
    <t xml:space="preserve">* Ampliación aviso de siniestro </t>
  </si>
  <si>
    <t xml:space="preserve">* Clausula de arbitramento </t>
  </si>
  <si>
    <t>* Formulario de Todo Riesgo Construcción diligenciado y firmado por el asegurado</t>
  </si>
  <si>
    <t>30 días</t>
  </si>
  <si>
    <t>Valor asegurado:</t>
  </si>
  <si>
    <t>* Cláusula de 72 horas para riesgos de la naturaleza</t>
  </si>
  <si>
    <t xml:space="preserve">* Designación de ajustadores de común acuerdo </t>
  </si>
  <si>
    <t>Tomador:</t>
  </si>
  <si>
    <t>Asegurado:</t>
  </si>
  <si>
    <t>Propiedad e intereses asegurados:</t>
  </si>
  <si>
    <t>Jurisdicción:</t>
  </si>
  <si>
    <t>Tipos de proyectos:</t>
  </si>
  <si>
    <t>Casas para vivienda y/o conjuntos de casas para vivienda.</t>
  </si>
  <si>
    <t>Edificios para vivienda y/o conjunto de edificios para vivienda.</t>
  </si>
  <si>
    <t>Edificios para oficinas y/o conjunto de edificios para oficinas.</t>
  </si>
  <si>
    <t>Bodegas industriales.</t>
  </si>
  <si>
    <t>Centros comerciales.</t>
  </si>
  <si>
    <t>Modalidad de la póliza:</t>
  </si>
  <si>
    <t>Tasa prorroga:</t>
  </si>
  <si>
    <t>Cobertura básica, mantenimiento simple:</t>
  </si>
  <si>
    <t>Terremoto, Temblor, Erupción Volcánica:</t>
  </si>
  <si>
    <t>Hurto Calificado:</t>
  </si>
  <si>
    <t>Propiedades existentes, vibraciones:</t>
  </si>
  <si>
    <t>* Tasa de prorroga por mes</t>
  </si>
  <si>
    <t>* Presupuesto detallado de la obra</t>
  </si>
  <si>
    <t>* Hoja de vida y experiencia del constructor</t>
  </si>
  <si>
    <t>Ámbito territorial:</t>
  </si>
  <si>
    <t>Máximo por proyecto:</t>
  </si>
  <si>
    <t xml:space="preserve">3. Ciclón, Huracán, tempestad, vientos, inundación, desbordamiento y alza de nivel de aguas, enfangamiento, hundimiento, o deslizamiento del terreno, derrumbes y desprendimiento de tierra o de rocas. </t>
  </si>
  <si>
    <t>6. Huelga, asonada, motín ,conmoción civil o popular, actos mal intencionados de terceros y terrorismo</t>
  </si>
  <si>
    <t xml:space="preserve">7. Responsabilidad civil extracontractual, daños materiales y lesiones o muerte a personas </t>
  </si>
  <si>
    <t>Ciclón, Huracán, tempestad, vientos, inundación, desbordamiento y alza de nivel de aguas, enfangamiento, hundimiento, o deslizamiento del terreno, derrumbes y desprendimiento de tierra o de roca:</t>
  </si>
  <si>
    <t>Huelga, motín, conmoción civil o popular, actos mal intencionados de terceros, Terrorismo:</t>
  </si>
  <si>
    <t xml:space="preserve">Responsabilidad Civil (Daños a bienes, Muerte o lesiones a Personas): </t>
  </si>
  <si>
    <t>No inferior a tres meses y hasta la finalización de la obra</t>
  </si>
  <si>
    <t>Aplica para pérdidas iguales o mayores a USD 20.000</t>
  </si>
  <si>
    <t>* Revocación de la póliza 30 días, excepto para Huelga, asonada, motín, conmoción civil o popular, actos mal intencionados de terceros y terrorismo  10 días</t>
  </si>
  <si>
    <t>* Para Huelga, asonada, motín ,conmoción civil o popular, actos mal intencionados de terceros y terrorismo no habrá restablecimiento de la suma asegurada por pago de siniestro</t>
  </si>
  <si>
    <t>*  La Cobertura de Huelga, asonada, motín ,conmoción civil o popular, actos mal intencionados de terceros y terrorismo se otorga bajo la garantía que el asegurado no contratará coberturas o límites adicionales que operen en exceso del límite aquí propuesto.  En caso contrario la cobertura será inválida de manera automática</t>
  </si>
  <si>
    <t xml:space="preserve">Para la inclusión de cada uno de los proyectos se debe solicitar como máximo la siguiente información: </t>
  </si>
  <si>
    <t>* En caso de ser requerido, visita de inspección por parte de la aseguradora.</t>
  </si>
  <si>
    <t>Máximo el 50% del límite de RCE.</t>
  </si>
  <si>
    <t>Amparo Automático: Este amparo está sujeto a la entrega de la información antes detallada y al aval de la aseguradora adjudicataria.</t>
  </si>
  <si>
    <t>Proyectos Financiados por el Banco.</t>
  </si>
  <si>
    <t>Base de valoración:</t>
  </si>
  <si>
    <t>El Banco y/o Constructor, y/o Contratistas y/o Subcontratistas deudores de el Banco.</t>
  </si>
  <si>
    <t>Póliza automática por el periodo de construcción de acuerdo al cronograma de obra, incluidas prorrogas + los meses requeridos de mantenimiento que inicia inmediatamente después de la finalización de la obra.</t>
  </si>
  <si>
    <t>20% del valor del proyecto máximo $5.000.000.000, incluye cobertura para el periodo de mantenimiento</t>
  </si>
  <si>
    <t>11. Pruebas para maquinaria y equipo nuevo y usados</t>
  </si>
  <si>
    <t xml:space="preserve">13. Equipos extintores de incendio y protección de incendios en sitios de obras </t>
  </si>
  <si>
    <t>Máximo el 10% del valor de la obra.</t>
  </si>
  <si>
    <t xml:space="preserve">17. Remoción de Escombros </t>
  </si>
  <si>
    <t>Máximo 10% del valor del siniestro mínimo USD 1.500</t>
  </si>
  <si>
    <t>Máximo 12.5% del valor del siniestro, mínimo USD 5.000</t>
  </si>
  <si>
    <t>Máximo 10% de la perdida, mínimo USD5.000</t>
  </si>
  <si>
    <t>Máximo 15% del valor de la pérdida mínimo USD 5.000</t>
  </si>
  <si>
    <t>Máximo 10% del siniestro  mínimo USD 2.000</t>
  </si>
  <si>
    <t>Máximo 10% del valor del siniestro mínimo USD 1.000</t>
  </si>
  <si>
    <t>Máximo 2% del valor  de la pérdida de cada proyecto, mínimo USD 2.000</t>
  </si>
  <si>
    <t xml:space="preserve">19. Gastos de extinción del siniestro </t>
  </si>
  <si>
    <t>18. Gastos de preservación de bienes</t>
  </si>
  <si>
    <t xml:space="preserve">20. Campamentos y Almacenes </t>
  </si>
  <si>
    <t xml:space="preserve">Cobro de prima por proyecto con plazo de pago, 45 días después de iniciada la vigencia de la póliza </t>
  </si>
  <si>
    <t>* Acta de Vecindades ( en los casos en los cuales aplique)</t>
  </si>
  <si>
    <t>* Avance de Obra no inferior al  40% de las actividades detalladas en el cronograma</t>
  </si>
  <si>
    <t>Tasa máxima por la vigencia de cada proyecto:</t>
  </si>
  <si>
    <t>Demás eventos</t>
  </si>
  <si>
    <t>* Aceptación de prorrogas ilimitadas</t>
  </si>
  <si>
    <t xml:space="preserve">* Validez de los términos y condiciones: 60 días a partir de su presentación </t>
  </si>
  <si>
    <t>Scotiabank Colpatria S.A. en adelante "El Banco"</t>
  </si>
  <si>
    <t>Valor de reconstrucción del inmueble</t>
  </si>
  <si>
    <t>5. Mantenimiento Simple</t>
  </si>
  <si>
    <t xml:space="preserve">Mantenimiento simple por seis (6) meses, inicia inmediatamente después de la finalización de la obra según cronograma del proyecto </t>
  </si>
  <si>
    <t>0. LEG 3</t>
  </si>
  <si>
    <t>21. Vibraciones</t>
  </si>
  <si>
    <t>22. RCE Cruzada</t>
  </si>
  <si>
    <t>* Claúsula de Flete aéreo</t>
  </si>
  <si>
    <t>* Claúsula de  Honorarios Profesionales</t>
  </si>
  <si>
    <t>* Claúsula de  planos y Documentos</t>
  </si>
  <si>
    <t>Las cláusulas de garantías que figuran en la póliza, solo serán aplicables en aquellos siniestros que tengan relación con ellas y no en los que ocurran por eventos ajenos a ellas</t>
  </si>
  <si>
    <t>Anexo No. 4.3. - TODO RIESGO CONSTRUCTOR
DEUDORES CREDITOS CON GARANTIA  HIPOTECARIA
CONDICIONES TÉCNICAS BÁSICAS OBLIGATORIAS</t>
  </si>
  <si>
    <t>De acuerdo al presupuesto de obra</t>
  </si>
  <si>
    <t>0,0100% incluido IVA</t>
  </si>
  <si>
    <t>100% del valor del proyecto máximo $30.000.000.000.</t>
  </si>
  <si>
    <t>Las Compañías Aseguradoras oferentes en caso de que decidan libremente utilizar al Banco para el servicio de recaudo de las primas, deberá pagar al Banco el valor de veintidos mil novecientos treinta y tres pesos ($22.933) más IVA y aplicará a cada una de las primas y seguros recaudados.</t>
  </si>
  <si>
    <t>CONDICIÓN</t>
  </si>
  <si>
    <r>
      <t>Tarifa por el servicio de recaudo</t>
    </r>
    <r>
      <rPr>
        <sz val="11"/>
        <rFont val="Calibri"/>
        <family val="2"/>
      </rPr>
      <t xml:space="preserve"> </t>
    </r>
    <r>
      <rPr>
        <b/>
        <sz val="11"/>
        <rFont val="Calibri"/>
        <family val="2"/>
      </rPr>
      <t>de las primas</t>
    </r>
  </si>
  <si>
    <t>COP$40.000.000.000</t>
  </si>
  <si>
    <t>Tasa según ubicación geográfica de los proyectos. Tasa máxima a aplicar 0,014%</t>
  </si>
  <si>
    <t>15% del valor del proyecto máximo $1.800.000.000</t>
  </si>
  <si>
    <t>20% del valor del proyecto máximo $7.000.000.000</t>
  </si>
  <si>
    <t>20% del valor de la pérdida máximo $5.000.000.000</t>
  </si>
  <si>
    <t>20% del valor de la pérdida máximo $2.000.000.000</t>
  </si>
  <si>
    <t>No aplicación de infraseguro cuando la diferencia entre el valor asegurado y valor asegurable no supere el 10%"</t>
  </si>
  <si>
    <t>Clausulas adicionales
Adhesión o modificaciones en beneficio del Asegurado: 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
Errores, inexactitudes u omision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_-* #,##0.00\ _€_-;\-* #,##0.00\ _€_-;_-* &quot;-&quot;??\ _€_-;_-@_-"/>
    <numFmt numFmtId="165" formatCode="_ [$€-2]\ * #,##0.00_ ;_ [$€-2]\ * \-#,##0.00_ ;_ [$€-2]\ * &quot;-&quot;??_ "/>
  </numFmts>
  <fonts count="7" x14ac:knownFonts="1">
    <font>
      <sz val="10"/>
      <name val="Arial"/>
    </font>
    <font>
      <sz val="10"/>
      <name val="Arial"/>
      <family val="2"/>
    </font>
    <font>
      <sz val="8"/>
      <name val="Arial"/>
      <family val="2"/>
    </font>
    <font>
      <sz val="10"/>
      <name val="Arial"/>
      <family val="2"/>
    </font>
    <font>
      <sz val="11"/>
      <name val="Calibri"/>
      <family val="2"/>
    </font>
    <font>
      <b/>
      <sz val="11"/>
      <name val="Calibri"/>
      <family val="2"/>
    </font>
    <font>
      <b/>
      <sz val="11"/>
      <name val="Calibri"/>
      <family val="2"/>
      <scheme val="minor"/>
    </font>
  </fonts>
  <fills count="7">
    <fill>
      <patternFill patternType="none"/>
    </fill>
    <fill>
      <patternFill patternType="gray125"/>
    </fill>
    <fill>
      <patternFill patternType="solid">
        <fgColor indexed="9"/>
        <bgColor indexed="64"/>
      </patternFill>
    </fill>
    <fill>
      <patternFill patternType="solid">
        <fgColor indexed="47"/>
        <bgColor indexed="64"/>
      </patternFill>
    </fill>
    <fill>
      <patternFill patternType="solid">
        <fgColor theme="0" tint="-0.14999847407452621"/>
        <bgColor indexed="64"/>
      </patternFill>
    </fill>
    <fill>
      <patternFill patternType="solid">
        <fgColor theme="0"/>
        <bgColor indexed="64"/>
      </patternFill>
    </fill>
    <fill>
      <patternFill patternType="solid">
        <fgColor theme="0" tint="-0.34998626667073579"/>
        <bgColor indexed="64"/>
      </patternFill>
    </fill>
  </fills>
  <borders count="8">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style="double">
        <color theme="0"/>
      </left>
      <right/>
      <top/>
      <bottom/>
      <diagonal/>
    </border>
    <border>
      <left style="thin">
        <color theme="0" tint="-0.499984740745262"/>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double">
        <color theme="0"/>
      </left>
      <right/>
      <top style="double">
        <color theme="0"/>
      </top>
      <bottom style="double">
        <color theme="0"/>
      </bottom>
      <diagonal/>
    </border>
    <border>
      <left/>
      <right style="double">
        <color theme="0"/>
      </right>
      <top style="double">
        <color theme="0"/>
      </top>
      <bottom style="double">
        <color theme="0"/>
      </bottom>
      <diagonal/>
    </border>
  </borders>
  <cellStyleXfs count="4">
    <xf numFmtId="0" fontId="0" fillId="0" borderId="0"/>
    <xf numFmtId="164" fontId="1" fillId="0" borderId="0" applyFont="0" applyFill="0" applyBorder="0" applyAlignment="0" applyProtection="0"/>
    <xf numFmtId="0" fontId="1" fillId="0" borderId="0"/>
    <xf numFmtId="165" fontId="1" fillId="0" borderId="0" applyNumberFormat="0" applyFill="0" applyBorder="0" applyAlignment="0" applyProtection="0"/>
  </cellStyleXfs>
  <cellXfs count="51">
    <xf numFmtId="0" fontId="0" fillId="0" borderId="0" xfId="0"/>
    <xf numFmtId="0" fontId="3" fillId="0" borderId="0" xfId="0" applyFont="1"/>
    <xf numFmtId="0" fontId="3" fillId="2" borderId="0" xfId="0" applyFont="1" applyFill="1"/>
    <xf numFmtId="0" fontId="3" fillId="2" borderId="0" xfId="0" applyFont="1" applyFill="1" applyAlignment="1">
      <alignment vertical="center" wrapText="1"/>
    </xf>
    <xf numFmtId="0" fontId="4" fillId="2" borderId="0" xfId="0" applyFont="1" applyFill="1" applyBorder="1" applyAlignment="1">
      <alignment horizontal="left" vertical="top" wrapText="1" indent="1"/>
    </xf>
    <xf numFmtId="0" fontId="5" fillId="3" borderId="1" xfId="0" applyFont="1" applyFill="1" applyBorder="1" applyAlignment="1">
      <alignment horizontal="justify" vertical="center" wrapText="1"/>
    </xf>
    <xf numFmtId="0" fontId="5" fillId="3" borderId="1" xfId="0" applyFont="1" applyFill="1" applyBorder="1" applyAlignment="1"/>
    <xf numFmtId="0" fontId="4" fillId="2" borderId="1" xfId="0" applyFont="1" applyFill="1" applyBorder="1" applyAlignment="1">
      <alignment vertical="top" wrapText="1"/>
    </xf>
    <xf numFmtId="0" fontId="5" fillId="4" borderId="1" xfId="0" applyFont="1" applyFill="1" applyBorder="1" applyAlignment="1"/>
    <xf numFmtId="0" fontId="5" fillId="4" borderId="1" xfId="0" applyFont="1" applyFill="1" applyBorder="1" applyAlignment="1">
      <alignment vertical="top" wrapText="1"/>
    </xf>
    <xf numFmtId="0" fontId="4" fillId="2" borderId="1" xfId="0" applyFont="1" applyFill="1" applyBorder="1" applyAlignment="1">
      <alignment horizontal="left" vertical="top" wrapText="1"/>
    </xf>
    <xf numFmtId="0" fontId="4" fillId="5" borderId="1" xfId="0" applyFont="1" applyFill="1" applyBorder="1" applyAlignment="1">
      <alignment horizontal="left" vertical="top" wrapText="1"/>
    </xf>
    <xf numFmtId="0" fontId="4" fillId="2" borderId="1" xfId="0" applyFont="1" applyFill="1" applyBorder="1" applyAlignment="1">
      <alignment horizontal="justify" vertical="top" wrapText="1"/>
    </xf>
    <xf numFmtId="0" fontId="4" fillId="0" borderId="1" xfId="0" applyFont="1" applyFill="1" applyBorder="1" applyAlignment="1">
      <alignment horizontal="justify" vertical="top" wrapText="1"/>
    </xf>
    <xf numFmtId="0" fontId="4" fillId="2" borderId="1" xfId="0" applyFont="1" applyFill="1" applyBorder="1" applyAlignment="1">
      <alignment vertical="center" wrapText="1"/>
    </xf>
    <xf numFmtId="0" fontId="5" fillId="2" borderId="2" xfId="0" applyFont="1" applyFill="1" applyBorder="1" applyAlignment="1"/>
    <xf numFmtId="0" fontId="3" fillId="2" borderId="0" xfId="0" applyFont="1" applyFill="1" applyBorder="1"/>
    <xf numFmtId="0" fontId="5" fillId="2" borderId="2" xfId="0" applyFont="1" applyFill="1" applyBorder="1" applyAlignment="1">
      <alignment horizontal="left" vertical="center"/>
    </xf>
    <xf numFmtId="0" fontId="5" fillId="2" borderId="2" xfId="0" applyFont="1" applyFill="1" applyBorder="1" applyAlignment="1">
      <alignment horizontal="justify" vertical="center" wrapText="1"/>
    </xf>
    <xf numFmtId="0" fontId="4" fillId="0" borderId="2" xfId="0" applyFont="1" applyFill="1" applyBorder="1" applyAlignment="1">
      <alignment vertical="top" wrapText="1"/>
    </xf>
    <xf numFmtId="0" fontId="5" fillId="0" borderId="2" xfId="0" applyFont="1" applyFill="1" applyBorder="1" applyAlignment="1"/>
    <xf numFmtId="0" fontId="4" fillId="2" borderId="2" xfId="0" applyFont="1" applyFill="1" applyBorder="1" applyAlignment="1">
      <alignment horizontal="left" vertical="top" wrapText="1"/>
    </xf>
    <xf numFmtId="164" fontId="3" fillId="2" borderId="0" xfId="1" applyFont="1" applyFill="1" applyBorder="1"/>
    <xf numFmtId="0" fontId="4" fillId="2" borderId="2" xfId="0" applyFont="1" applyFill="1" applyBorder="1" applyAlignment="1">
      <alignment vertical="center" wrapText="1"/>
    </xf>
    <xf numFmtId="0" fontId="5" fillId="3" borderId="1" xfId="0" applyFont="1" applyFill="1" applyBorder="1" applyAlignment="1">
      <alignment horizontal="left" vertical="center"/>
    </xf>
    <xf numFmtId="0" fontId="4" fillId="2" borderId="2" xfId="0" applyNumberFormat="1" applyFont="1" applyFill="1" applyBorder="1" applyAlignment="1">
      <alignment vertical="center"/>
    </xf>
    <xf numFmtId="0" fontId="4" fillId="2" borderId="1" xfId="0" applyNumberFormat="1" applyFont="1" applyFill="1" applyBorder="1" applyAlignment="1">
      <alignment vertical="center" wrapText="1"/>
    </xf>
    <xf numFmtId="0" fontId="4" fillId="2" borderId="1" xfId="0" applyNumberFormat="1" applyFont="1" applyFill="1" applyBorder="1" applyAlignment="1">
      <alignment vertical="center"/>
    </xf>
    <xf numFmtId="0" fontId="4" fillId="0" borderId="1" xfId="0" applyNumberFormat="1" applyFont="1" applyFill="1" applyBorder="1" applyAlignment="1">
      <alignment vertical="center" wrapText="1"/>
    </xf>
    <xf numFmtId="0" fontId="4" fillId="2" borderId="2" xfId="0" applyNumberFormat="1" applyFont="1" applyFill="1" applyBorder="1" applyAlignment="1">
      <alignment vertical="center" wrapText="1"/>
    </xf>
    <xf numFmtId="0" fontId="4" fillId="0" borderId="2" xfId="0" applyNumberFormat="1" applyFont="1" applyFill="1" applyBorder="1" applyAlignment="1">
      <alignment vertical="center" wrapText="1"/>
    </xf>
    <xf numFmtId="0" fontId="4" fillId="2" borderId="1" xfId="1" applyNumberFormat="1" applyFont="1" applyFill="1" applyBorder="1" applyAlignment="1">
      <alignment vertical="center" wrapText="1" readingOrder="2"/>
    </xf>
    <xf numFmtId="0" fontId="4" fillId="2" borderId="0" xfId="0" applyNumberFormat="1" applyFont="1" applyFill="1" applyBorder="1" applyAlignment="1">
      <alignment vertical="center"/>
    </xf>
    <xf numFmtId="0" fontId="4" fillId="0" borderId="2" xfId="0" applyNumberFormat="1" applyFont="1" applyFill="1" applyBorder="1" applyAlignment="1">
      <alignment vertical="center"/>
    </xf>
    <xf numFmtId="0" fontId="4" fillId="0" borderId="1" xfId="0" applyNumberFormat="1" applyFont="1" applyFill="1" applyBorder="1" applyAlignment="1">
      <alignment vertical="center"/>
    </xf>
    <xf numFmtId="0" fontId="1" fillId="0" borderId="0" xfId="0" applyFont="1" applyAlignment="1"/>
    <xf numFmtId="0" fontId="1" fillId="0" borderId="0" xfId="0" applyNumberFormat="1" applyFont="1" applyAlignment="1">
      <alignment vertical="center"/>
    </xf>
    <xf numFmtId="0" fontId="1" fillId="2" borderId="0" xfId="0" applyFont="1" applyFill="1" applyAlignment="1"/>
    <xf numFmtId="0" fontId="1" fillId="2" borderId="0" xfId="0" applyNumberFormat="1" applyFont="1" applyFill="1" applyAlignment="1">
      <alignment vertical="center"/>
    </xf>
    <xf numFmtId="0" fontId="6" fillId="6" borderId="7" xfId="2" applyFont="1" applyFill="1" applyBorder="1" applyAlignment="1">
      <alignment horizontal="center" vertical="center" wrapText="1"/>
    </xf>
    <xf numFmtId="0" fontId="4" fillId="2" borderId="4" xfId="0" applyFont="1" applyFill="1" applyBorder="1" applyAlignment="1">
      <alignment horizontal="left" vertical="center" wrapText="1"/>
    </xf>
    <xf numFmtId="0" fontId="4" fillId="2" borderId="5" xfId="0" applyFont="1" applyFill="1" applyBorder="1" applyAlignment="1">
      <alignment horizontal="left" vertical="center" wrapText="1"/>
    </xf>
    <xf numFmtId="0" fontId="6" fillId="6" borderId="3" xfId="2" applyFont="1" applyFill="1" applyBorder="1" applyAlignment="1">
      <alignment horizontal="center" vertical="center" wrapText="1"/>
    </xf>
    <xf numFmtId="0" fontId="6" fillId="6" borderId="0" xfId="2" applyFont="1" applyFill="1" applyBorder="1" applyAlignment="1">
      <alignment horizontal="center" vertical="center" wrapText="1"/>
    </xf>
    <xf numFmtId="0" fontId="5" fillId="3" borderId="4" xfId="0" applyFont="1" applyFill="1" applyBorder="1" applyAlignment="1">
      <alignment horizontal="left"/>
    </xf>
    <xf numFmtId="0" fontId="5" fillId="3" borderId="5" xfId="0" applyFont="1" applyFill="1" applyBorder="1" applyAlignment="1">
      <alignment horizontal="left"/>
    </xf>
    <xf numFmtId="0" fontId="6" fillId="6" borderId="6" xfId="2" applyFont="1" applyFill="1" applyBorder="1" applyAlignment="1">
      <alignment horizontal="center" vertical="center" wrapText="1"/>
    </xf>
    <xf numFmtId="0" fontId="6" fillId="6" borderId="7" xfId="2" applyFont="1" applyFill="1" applyBorder="1" applyAlignment="1">
      <alignment horizontal="center" vertical="center" wrapText="1"/>
    </xf>
    <xf numFmtId="0" fontId="5" fillId="3" borderId="1" xfId="0" applyFont="1" applyFill="1" applyBorder="1" applyAlignment="1">
      <alignment horizontal="center"/>
    </xf>
    <xf numFmtId="0" fontId="5" fillId="3" borderId="1" xfId="0" applyFont="1" applyFill="1" applyBorder="1" applyAlignment="1">
      <alignment horizontal="center" vertical="top" wrapText="1"/>
    </xf>
    <xf numFmtId="0" fontId="5" fillId="3" borderId="1" xfId="0" applyFont="1" applyFill="1" applyBorder="1" applyAlignment="1">
      <alignment horizontal="left" vertical="center"/>
    </xf>
  </cellXfs>
  <cellStyles count="4">
    <cellStyle name="Millares" xfId="1" builtinId="3"/>
    <cellStyle name="Normal" xfId="0" builtinId="0"/>
    <cellStyle name="Normal 18 2" xfId="3" xr:uid="{00000000-0005-0000-0000-000002000000}"/>
    <cellStyle name="Normal 3 9" xfId="2" xr:uid="{00000000-0005-0000-0000-000003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117"/>
  <sheetViews>
    <sheetView showGridLines="0" tabSelected="1" zoomScale="80" zoomScaleNormal="80" workbookViewId="0">
      <selection activeCell="B58" sqref="B58"/>
    </sheetView>
  </sheetViews>
  <sheetFormatPr baseColWidth="10" defaultColWidth="0" defaultRowHeight="12.5" zeroHeight="1" x14ac:dyDescent="0.25"/>
  <cols>
    <col min="1" max="1" width="63.54296875" style="35" customWidth="1"/>
    <col min="2" max="2" width="63.54296875" style="36" customWidth="1"/>
    <col min="3" max="3" width="11.453125" style="1" hidden="1" customWidth="1"/>
    <col min="4" max="5" width="15.54296875" style="1" hidden="1" customWidth="1"/>
    <col min="6" max="16384" width="11.453125" style="1" hidden="1"/>
  </cols>
  <sheetData>
    <row r="1" spans="1:3" ht="17.5" customHeight="1" x14ac:dyDescent="0.25"/>
    <row r="2" spans="1:3" ht="44.5" customHeight="1" thickBot="1" x14ac:dyDescent="0.3">
      <c r="A2" s="42" t="s">
        <v>105</v>
      </c>
      <c r="B2" s="43"/>
    </row>
    <row r="3" spans="1:3" ht="15.5" thickTop="1" thickBot="1" x14ac:dyDescent="0.3">
      <c r="A3" s="46" t="s">
        <v>110</v>
      </c>
      <c r="B3" s="47"/>
      <c r="C3" s="39"/>
    </row>
    <row r="4" spans="1:3" s="2" customFormat="1" ht="30.75" customHeight="1" thickTop="1" x14ac:dyDescent="0.25">
      <c r="A4" s="24" t="s">
        <v>32</v>
      </c>
      <c r="B4" s="27" t="s">
        <v>94</v>
      </c>
    </row>
    <row r="5" spans="1:3" s="16" customFormat="1" ht="18" customHeight="1" x14ac:dyDescent="0.25">
      <c r="A5" s="17"/>
      <c r="B5" s="25"/>
    </row>
    <row r="6" spans="1:3" s="2" customFormat="1" ht="33" customHeight="1" x14ac:dyDescent="0.25">
      <c r="A6" s="5" t="s">
        <v>33</v>
      </c>
      <c r="B6" s="26" t="s">
        <v>70</v>
      </c>
    </row>
    <row r="7" spans="1:3" s="16" customFormat="1" ht="14.5" x14ac:dyDescent="0.35">
      <c r="A7" s="15"/>
      <c r="B7" s="25"/>
    </row>
    <row r="8" spans="1:3" s="2" customFormat="1" ht="18" customHeight="1" x14ac:dyDescent="0.25">
      <c r="A8" s="5" t="s">
        <v>34</v>
      </c>
      <c r="B8" s="27" t="s">
        <v>68</v>
      </c>
    </row>
    <row r="9" spans="1:3" s="16" customFormat="1" ht="14.5" x14ac:dyDescent="0.35">
      <c r="A9" s="15"/>
      <c r="B9" s="25"/>
    </row>
    <row r="10" spans="1:3" s="2" customFormat="1" ht="18.75" customHeight="1" x14ac:dyDescent="0.35">
      <c r="A10" s="6" t="s">
        <v>69</v>
      </c>
      <c r="B10" s="26" t="s">
        <v>95</v>
      </c>
    </row>
    <row r="11" spans="1:3" s="16" customFormat="1" ht="14.5" x14ac:dyDescent="0.35">
      <c r="A11" s="15"/>
      <c r="B11" s="25"/>
    </row>
    <row r="12" spans="1:3" s="2" customFormat="1" ht="14.5" x14ac:dyDescent="0.35">
      <c r="A12" s="6" t="s">
        <v>51</v>
      </c>
      <c r="B12" s="27" t="s">
        <v>1</v>
      </c>
    </row>
    <row r="13" spans="1:3" s="16" customFormat="1" ht="14.5" x14ac:dyDescent="0.35">
      <c r="A13" s="15"/>
      <c r="B13" s="25"/>
    </row>
    <row r="14" spans="1:3" s="2" customFormat="1" ht="14.5" x14ac:dyDescent="0.35">
      <c r="A14" s="6" t="s">
        <v>35</v>
      </c>
      <c r="B14" s="27" t="s">
        <v>1</v>
      </c>
    </row>
    <row r="15" spans="1:3" s="16" customFormat="1" ht="14.5" x14ac:dyDescent="0.35">
      <c r="A15" s="15"/>
      <c r="B15" s="25"/>
    </row>
    <row r="16" spans="1:3" s="2" customFormat="1" ht="14.5" x14ac:dyDescent="0.25">
      <c r="A16" s="50" t="s">
        <v>36</v>
      </c>
      <c r="B16" s="26" t="s">
        <v>37</v>
      </c>
    </row>
    <row r="17" spans="1:2" s="2" customFormat="1" ht="14.5" x14ac:dyDescent="0.25">
      <c r="A17" s="50"/>
      <c r="B17" s="26" t="s">
        <v>38</v>
      </c>
    </row>
    <row r="18" spans="1:2" s="2" customFormat="1" ht="14.5" hidden="1" x14ac:dyDescent="0.25">
      <c r="A18" s="50"/>
      <c r="B18" s="26" t="s">
        <v>39</v>
      </c>
    </row>
    <row r="19" spans="1:2" s="2" customFormat="1" ht="14.5" x14ac:dyDescent="0.25">
      <c r="A19" s="50"/>
      <c r="B19" s="26" t="s">
        <v>41</v>
      </c>
    </row>
    <row r="20" spans="1:2" s="2" customFormat="1" ht="14.5" x14ac:dyDescent="0.25">
      <c r="A20" s="50"/>
      <c r="B20" s="26" t="s">
        <v>40</v>
      </c>
    </row>
    <row r="21" spans="1:2" s="16" customFormat="1" ht="14.5" hidden="1" x14ac:dyDescent="0.35">
      <c r="A21" s="15"/>
      <c r="B21" s="25"/>
    </row>
    <row r="22" spans="1:2" s="2" customFormat="1" ht="58" x14ac:dyDescent="0.25">
      <c r="A22" s="5" t="s">
        <v>42</v>
      </c>
      <c r="B22" s="28" t="s">
        <v>71</v>
      </c>
    </row>
    <row r="23" spans="1:2" s="16" customFormat="1" ht="14.5" x14ac:dyDescent="0.25">
      <c r="A23" s="18"/>
      <c r="B23" s="29"/>
    </row>
    <row r="24" spans="1:2" s="2" customFormat="1" ht="14.5" x14ac:dyDescent="0.35">
      <c r="A24" s="8" t="s">
        <v>29</v>
      </c>
      <c r="B24" s="34" t="s">
        <v>106</v>
      </c>
    </row>
    <row r="25" spans="1:2" s="16" customFormat="1" ht="14.5" x14ac:dyDescent="0.25">
      <c r="A25" s="19"/>
      <c r="B25" s="30"/>
    </row>
    <row r="26" spans="1:2" s="2" customFormat="1" ht="14.5" x14ac:dyDescent="0.25">
      <c r="A26" s="9" t="s">
        <v>52</v>
      </c>
      <c r="B26" s="28" t="s">
        <v>112</v>
      </c>
    </row>
    <row r="27" spans="1:2" s="16" customFormat="1" ht="14.5" x14ac:dyDescent="0.25">
      <c r="A27" s="19"/>
      <c r="B27" s="33"/>
    </row>
    <row r="28" spans="1:2" s="2" customFormat="1" ht="29" x14ac:dyDescent="0.35">
      <c r="A28" s="8" t="s">
        <v>90</v>
      </c>
      <c r="B28" s="28" t="s">
        <v>113</v>
      </c>
    </row>
    <row r="29" spans="1:2" s="16" customFormat="1" ht="14.5" x14ac:dyDescent="0.35">
      <c r="A29" s="20"/>
      <c r="B29" s="30"/>
    </row>
    <row r="30" spans="1:2" s="2" customFormat="1" ht="14.5" x14ac:dyDescent="0.35">
      <c r="A30" s="8" t="s">
        <v>43</v>
      </c>
      <c r="B30" s="28" t="s">
        <v>107</v>
      </c>
    </row>
    <row r="31" spans="1:2" s="16" customFormat="1" ht="14.5" x14ac:dyDescent="0.35">
      <c r="A31" s="20"/>
      <c r="B31" s="30"/>
    </row>
    <row r="32" spans="1:2" s="2" customFormat="1" ht="14.5" x14ac:dyDescent="0.25">
      <c r="A32" s="49" t="s">
        <v>22</v>
      </c>
      <c r="B32" s="49"/>
    </row>
    <row r="33" spans="1:2" s="2" customFormat="1" ht="14.5" x14ac:dyDescent="0.25">
      <c r="A33" s="10" t="s">
        <v>98</v>
      </c>
      <c r="B33" s="31" t="s">
        <v>5</v>
      </c>
    </row>
    <row r="34" spans="1:2" s="2" customFormat="1" ht="14.5" x14ac:dyDescent="0.25">
      <c r="A34" s="10" t="s">
        <v>4</v>
      </c>
      <c r="B34" s="31" t="s">
        <v>5</v>
      </c>
    </row>
    <row r="35" spans="1:2" s="2" customFormat="1" ht="14.5" x14ac:dyDescent="0.25">
      <c r="A35" s="10" t="s">
        <v>19</v>
      </c>
      <c r="B35" s="31" t="s">
        <v>5</v>
      </c>
    </row>
    <row r="36" spans="1:2" s="2" customFormat="1" ht="43.5" x14ac:dyDescent="0.25">
      <c r="A36" s="10" t="s">
        <v>53</v>
      </c>
      <c r="B36" s="31" t="s">
        <v>5</v>
      </c>
    </row>
    <row r="37" spans="1:2" s="2" customFormat="1" ht="14.5" x14ac:dyDescent="0.25">
      <c r="A37" s="10" t="s">
        <v>23</v>
      </c>
      <c r="B37" s="31" t="s">
        <v>5</v>
      </c>
    </row>
    <row r="38" spans="1:2" s="2" customFormat="1" ht="48.75" customHeight="1" x14ac:dyDescent="0.25">
      <c r="A38" s="7" t="s">
        <v>96</v>
      </c>
      <c r="B38" s="26" t="s">
        <v>97</v>
      </c>
    </row>
    <row r="39" spans="1:2" s="2" customFormat="1" ht="29" x14ac:dyDescent="0.25">
      <c r="A39" s="7" t="s">
        <v>54</v>
      </c>
      <c r="B39" s="26" t="s">
        <v>108</v>
      </c>
    </row>
    <row r="40" spans="1:2" s="2" customFormat="1" ht="29" x14ac:dyDescent="0.25">
      <c r="A40" s="7" t="s">
        <v>55</v>
      </c>
      <c r="B40" s="28" t="s">
        <v>72</v>
      </c>
    </row>
    <row r="41" spans="1:2" s="2" customFormat="1" ht="14.5" x14ac:dyDescent="0.25">
      <c r="A41" s="7" t="s">
        <v>13</v>
      </c>
      <c r="B41" s="26" t="s">
        <v>3</v>
      </c>
    </row>
    <row r="42" spans="1:2" s="2" customFormat="1" ht="29" x14ac:dyDescent="0.25">
      <c r="A42" s="7" t="s">
        <v>14</v>
      </c>
      <c r="B42" s="26" t="s">
        <v>114</v>
      </c>
    </row>
    <row r="43" spans="1:2" s="2" customFormat="1" ht="14.5" x14ac:dyDescent="0.25">
      <c r="A43" s="7" t="s">
        <v>15</v>
      </c>
      <c r="B43" s="26" t="s">
        <v>2</v>
      </c>
    </row>
    <row r="44" spans="1:2" s="2" customFormat="1" ht="14.5" x14ac:dyDescent="0.25">
      <c r="A44" s="7" t="s">
        <v>73</v>
      </c>
      <c r="B44" s="26" t="s">
        <v>3</v>
      </c>
    </row>
    <row r="45" spans="1:2" s="2" customFormat="1" ht="14.5" x14ac:dyDescent="0.25">
      <c r="A45" s="7" t="s">
        <v>16</v>
      </c>
      <c r="B45" s="28" t="s">
        <v>66</v>
      </c>
    </row>
    <row r="46" spans="1:2" s="2" customFormat="1" ht="29" x14ac:dyDescent="0.25">
      <c r="A46" s="7" t="s">
        <v>74</v>
      </c>
      <c r="B46" s="28" t="s">
        <v>75</v>
      </c>
    </row>
    <row r="47" spans="1:2" s="2" customFormat="1" ht="14.5" x14ac:dyDescent="0.25">
      <c r="A47" s="7" t="s">
        <v>17</v>
      </c>
      <c r="B47" s="26" t="s">
        <v>115</v>
      </c>
    </row>
    <row r="48" spans="1:2" s="2" customFormat="1" ht="28.5" customHeight="1" x14ac:dyDescent="0.25">
      <c r="A48" s="7" t="s">
        <v>18</v>
      </c>
      <c r="B48" s="26" t="s">
        <v>2</v>
      </c>
    </row>
    <row r="49" spans="1:4" s="2" customFormat="1" ht="14.5" x14ac:dyDescent="0.25">
      <c r="A49" s="11" t="s">
        <v>76</v>
      </c>
      <c r="B49" s="26" t="s">
        <v>116</v>
      </c>
    </row>
    <row r="50" spans="1:4" s="2" customFormat="1" ht="14.5" x14ac:dyDescent="0.25">
      <c r="A50" s="11" t="s">
        <v>85</v>
      </c>
      <c r="B50" s="26" t="s">
        <v>117</v>
      </c>
    </row>
    <row r="51" spans="1:4" s="2" customFormat="1" ht="14.5" x14ac:dyDescent="0.25">
      <c r="A51" s="11" t="s">
        <v>84</v>
      </c>
      <c r="B51" s="26" t="s">
        <v>117</v>
      </c>
    </row>
    <row r="52" spans="1:4" s="2" customFormat="1" ht="14.5" x14ac:dyDescent="0.25">
      <c r="A52" s="10" t="s">
        <v>86</v>
      </c>
      <c r="B52" s="28" t="s">
        <v>75</v>
      </c>
    </row>
    <row r="53" spans="1:4" s="2" customFormat="1" ht="14.5" x14ac:dyDescent="0.25">
      <c r="A53" s="10" t="s">
        <v>99</v>
      </c>
      <c r="B53" s="28" t="s">
        <v>5</v>
      </c>
    </row>
    <row r="54" spans="1:4" s="2" customFormat="1" ht="14.5" x14ac:dyDescent="0.25">
      <c r="A54" s="10" t="s">
        <v>100</v>
      </c>
      <c r="B54" s="28" t="s">
        <v>66</v>
      </c>
    </row>
    <row r="55" spans="1:4" s="16" customFormat="1" ht="14.5" x14ac:dyDescent="0.25">
      <c r="A55" s="21"/>
      <c r="B55" s="29"/>
      <c r="D55" s="22"/>
    </row>
    <row r="56" spans="1:4" s="2" customFormat="1" ht="42" customHeight="1" x14ac:dyDescent="0.35">
      <c r="A56" s="48" t="s">
        <v>7</v>
      </c>
      <c r="B56" s="48"/>
    </row>
    <row r="57" spans="1:4" s="2" customFormat="1" ht="14.5" x14ac:dyDescent="0.25">
      <c r="A57" s="12" t="s">
        <v>44</v>
      </c>
      <c r="B57" s="26" t="s">
        <v>77</v>
      </c>
    </row>
    <row r="58" spans="1:4" s="2" customFormat="1" ht="14.5" x14ac:dyDescent="0.25">
      <c r="A58" s="12" t="s">
        <v>45</v>
      </c>
      <c r="B58" s="26" t="s">
        <v>83</v>
      </c>
    </row>
    <row r="59" spans="1:4" s="2" customFormat="1" ht="43.5" x14ac:dyDescent="0.25">
      <c r="A59" s="12" t="s">
        <v>56</v>
      </c>
      <c r="B59" s="26" t="s">
        <v>78</v>
      </c>
    </row>
    <row r="60" spans="1:4" s="2" customFormat="1" ht="29" x14ac:dyDescent="0.25">
      <c r="A60" s="12" t="s">
        <v>57</v>
      </c>
      <c r="B60" s="26" t="s">
        <v>79</v>
      </c>
    </row>
    <row r="61" spans="1:4" s="2" customFormat="1" ht="14.5" x14ac:dyDescent="0.25">
      <c r="A61" s="12" t="s">
        <v>46</v>
      </c>
      <c r="B61" s="26" t="s">
        <v>80</v>
      </c>
    </row>
    <row r="62" spans="1:4" s="2" customFormat="1" ht="14.5" x14ac:dyDescent="0.25">
      <c r="A62" s="12" t="s">
        <v>47</v>
      </c>
      <c r="B62" s="26" t="s">
        <v>80</v>
      </c>
    </row>
    <row r="63" spans="1:4" s="2" customFormat="1" ht="14.5" x14ac:dyDescent="0.25">
      <c r="A63" s="12" t="s">
        <v>58</v>
      </c>
      <c r="B63" s="26" t="s">
        <v>81</v>
      </c>
    </row>
    <row r="64" spans="1:4" s="2" customFormat="1" ht="14.5" x14ac:dyDescent="0.25">
      <c r="A64" s="13" t="s">
        <v>91</v>
      </c>
      <c r="B64" s="28" t="s">
        <v>82</v>
      </c>
    </row>
    <row r="65" spans="1:2" s="2" customFormat="1" ht="14.5" x14ac:dyDescent="0.25">
      <c r="A65" s="14"/>
      <c r="B65" s="26"/>
    </row>
    <row r="66" spans="1:2" s="2" customFormat="1" ht="72.5" x14ac:dyDescent="0.25">
      <c r="A66" s="5" t="s">
        <v>111</v>
      </c>
      <c r="B66" s="28" t="s">
        <v>109</v>
      </c>
    </row>
    <row r="67" spans="1:2" s="16" customFormat="1" ht="14.5" x14ac:dyDescent="0.25">
      <c r="A67" s="23"/>
      <c r="B67" s="29"/>
    </row>
    <row r="68" spans="1:2" s="2" customFormat="1" ht="14.5" x14ac:dyDescent="0.35">
      <c r="A68" s="48" t="s">
        <v>6</v>
      </c>
      <c r="B68" s="48"/>
    </row>
    <row r="69" spans="1:2" s="2" customFormat="1" ht="14.5" x14ac:dyDescent="0.25">
      <c r="A69" s="7" t="s">
        <v>48</v>
      </c>
      <c r="B69" s="26" t="s">
        <v>59</v>
      </c>
    </row>
    <row r="70" spans="1:2" s="2" customFormat="1" ht="29" x14ac:dyDescent="0.25">
      <c r="A70" s="7" t="s">
        <v>9</v>
      </c>
      <c r="B70" s="26" t="s">
        <v>118</v>
      </c>
    </row>
    <row r="71" spans="1:2" s="2" customFormat="1" ht="14.5" x14ac:dyDescent="0.25">
      <c r="A71" s="7" t="s">
        <v>30</v>
      </c>
      <c r="B71" s="26" t="s">
        <v>2</v>
      </c>
    </row>
    <row r="72" spans="1:2" s="2" customFormat="1" ht="14.5" x14ac:dyDescent="0.25">
      <c r="A72" s="7" t="s">
        <v>20</v>
      </c>
      <c r="B72" s="26" t="s">
        <v>2</v>
      </c>
    </row>
    <row r="73" spans="1:2" s="2" customFormat="1" ht="14.5" x14ac:dyDescent="0.25">
      <c r="A73" s="7" t="s">
        <v>21</v>
      </c>
      <c r="B73" s="26" t="s">
        <v>2</v>
      </c>
    </row>
    <row r="74" spans="1:2" s="2" customFormat="1" ht="14.5" x14ac:dyDescent="0.25">
      <c r="A74" s="7" t="s">
        <v>24</v>
      </c>
      <c r="B74" s="26" t="s">
        <v>60</v>
      </c>
    </row>
    <row r="75" spans="1:2" s="2" customFormat="1" ht="14.5" x14ac:dyDescent="0.25">
      <c r="A75" s="7" t="s">
        <v>25</v>
      </c>
      <c r="B75" s="26" t="s">
        <v>28</v>
      </c>
    </row>
    <row r="76" spans="1:2" s="2" customFormat="1" ht="14.5" x14ac:dyDescent="0.25">
      <c r="A76" s="7" t="s">
        <v>26</v>
      </c>
      <c r="B76" s="26" t="s">
        <v>5</v>
      </c>
    </row>
    <row r="77" spans="1:2" s="2" customFormat="1" ht="14.5" x14ac:dyDescent="0.25">
      <c r="A77" s="7" t="s">
        <v>31</v>
      </c>
      <c r="B77" s="26" t="s">
        <v>5</v>
      </c>
    </row>
    <row r="78" spans="1:2" s="2" customFormat="1" ht="14.5" x14ac:dyDescent="0.25">
      <c r="A78" s="7" t="s">
        <v>92</v>
      </c>
      <c r="B78" s="26" t="s">
        <v>5</v>
      </c>
    </row>
    <row r="79" spans="1:2" s="2" customFormat="1" ht="14.5" x14ac:dyDescent="0.25">
      <c r="A79" s="7" t="s">
        <v>101</v>
      </c>
      <c r="B79" s="26" t="s">
        <v>5</v>
      </c>
    </row>
    <row r="80" spans="1:2" s="2" customFormat="1" ht="14.5" x14ac:dyDescent="0.25">
      <c r="A80" s="7" t="s">
        <v>102</v>
      </c>
      <c r="B80" s="26" t="s">
        <v>5</v>
      </c>
    </row>
    <row r="81" spans="1:2" s="2" customFormat="1" ht="14.5" x14ac:dyDescent="0.25">
      <c r="A81" s="7" t="s">
        <v>103</v>
      </c>
      <c r="B81" s="26" t="s">
        <v>5</v>
      </c>
    </row>
    <row r="82" spans="1:2" s="2" customFormat="1" ht="43.5" x14ac:dyDescent="0.25">
      <c r="A82" s="7" t="s">
        <v>104</v>
      </c>
      <c r="B82" s="26" t="s">
        <v>5</v>
      </c>
    </row>
    <row r="83" spans="1:2" s="2" customFormat="1" ht="43.5" x14ac:dyDescent="0.25">
      <c r="A83" s="7" t="s">
        <v>10</v>
      </c>
      <c r="B83" s="26" t="s">
        <v>5</v>
      </c>
    </row>
    <row r="84" spans="1:2" s="2" customFormat="1" ht="43.5" x14ac:dyDescent="0.25">
      <c r="A84" s="7" t="s">
        <v>61</v>
      </c>
      <c r="B84" s="26" t="s">
        <v>5</v>
      </c>
    </row>
    <row r="85" spans="1:2" s="2" customFormat="1" ht="43.5" x14ac:dyDescent="0.25">
      <c r="A85" s="7" t="s">
        <v>62</v>
      </c>
      <c r="B85" s="26" t="s">
        <v>5</v>
      </c>
    </row>
    <row r="86" spans="1:2" s="2" customFormat="1" ht="72.5" x14ac:dyDescent="0.25">
      <c r="A86" s="7" t="s">
        <v>63</v>
      </c>
      <c r="B86" s="26" t="s">
        <v>5</v>
      </c>
    </row>
    <row r="87" spans="1:2" s="2" customFormat="1" ht="29" x14ac:dyDescent="0.25">
      <c r="A87" s="7" t="s">
        <v>93</v>
      </c>
      <c r="B87" s="26" t="s">
        <v>5</v>
      </c>
    </row>
    <row r="88" spans="1:2" s="2" customFormat="1" ht="29" x14ac:dyDescent="0.25">
      <c r="A88" s="7" t="s">
        <v>89</v>
      </c>
      <c r="B88" s="26" t="s">
        <v>5</v>
      </c>
    </row>
    <row r="89" spans="1:2" s="2" customFormat="1" ht="159.5" x14ac:dyDescent="0.25">
      <c r="A89" s="7" t="s">
        <v>119</v>
      </c>
      <c r="B89" s="26"/>
    </row>
    <row r="90" spans="1:2" s="2" customFormat="1" ht="29" x14ac:dyDescent="0.25">
      <c r="A90" s="5" t="s">
        <v>0</v>
      </c>
      <c r="B90" s="26" t="s">
        <v>87</v>
      </c>
    </row>
    <row r="91" spans="1:2" s="16" customFormat="1" ht="14.5" x14ac:dyDescent="0.35">
      <c r="A91" s="15"/>
      <c r="B91" s="25"/>
    </row>
    <row r="92" spans="1:2" s="3" customFormat="1" ht="14.5" x14ac:dyDescent="0.35">
      <c r="A92" s="44" t="s">
        <v>8</v>
      </c>
      <c r="B92" s="45"/>
    </row>
    <row r="93" spans="1:2" s="3" customFormat="1" ht="29.15" customHeight="1" x14ac:dyDescent="0.25">
      <c r="A93" s="40" t="s">
        <v>64</v>
      </c>
      <c r="B93" s="41"/>
    </row>
    <row r="94" spans="1:2" s="3" customFormat="1" ht="14.5" x14ac:dyDescent="0.25">
      <c r="A94" s="40" t="s">
        <v>27</v>
      </c>
      <c r="B94" s="41"/>
    </row>
    <row r="95" spans="1:2" s="3" customFormat="1" ht="14.5" x14ac:dyDescent="0.25">
      <c r="A95" s="40" t="s">
        <v>11</v>
      </c>
      <c r="B95" s="41"/>
    </row>
    <row r="96" spans="1:2" s="3" customFormat="1" ht="14.5" x14ac:dyDescent="0.25">
      <c r="A96" s="40" t="s">
        <v>12</v>
      </c>
      <c r="B96" s="41"/>
    </row>
    <row r="97" spans="1:2" s="3" customFormat="1" ht="14.5" x14ac:dyDescent="0.25">
      <c r="A97" s="40" t="s">
        <v>88</v>
      </c>
      <c r="B97" s="41"/>
    </row>
    <row r="98" spans="1:2" s="3" customFormat="1" ht="14.5" x14ac:dyDescent="0.25">
      <c r="A98" s="40" t="s">
        <v>49</v>
      </c>
      <c r="B98" s="41"/>
    </row>
    <row r="99" spans="1:2" s="2" customFormat="1" ht="14.5" x14ac:dyDescent="0.25">
      <c r="A99" s="40" t="s">
        <v>50</v>
      </c>
      <c r="B99" s="41"/>
    </row>
    <row r="100" spans="1:2" s="2" customFormat="1" ht="14.5" x14ac:dyDescent="0.25">
      <c r="A100" s="40" t="s">
        <v>65</v>
      </c>
      <c r="B100" s="41"/>
    </row>
    <row r="101" spans="1:2" s="2" customFormat="1" ht="14.5" x14ac:dyDescent="0.25">
      <c r="A101" s="40" t="s">
        <v>67</v>
      </c>
      <c r="B101" s="41"/>
    </row>
    <row r="102" spans="1:2" s="2" customFormat="1" ht="14.5" x14ac:dyDescent="0.25">
      <c r="A102" s="4"/>
      <c r="B102" s="32"/>
    </row>
    <row r="103" spans="1:2" s="2" customFormat="1" x14ac:dyDescent="0.25">
      <c r="A103" s="37"/>
      <c r="B103" s="38"/>
    </row>
    <row r="104" spans="1:2" s="2" customFormat="1" hidden="1" x14ac:dyDescent="0.25">
      <c r="A104" s="37"/>
      <c r="B104" s="38"/>
    </row>
    <row r="105" spans="1:2" s="2" customFormat="1" hidden="1" x14ac:dyDescent="0.25">
      <c r="A105" s="37"/>
      <c r="B105" s="38"/>
    </row>
    <row r="106" spans="1:2" s="2" customFormat="1" hidden="1" x14ac:dyDescent="0.25">
      <c r="A106" s="37"/>
      <c r="B106" s="38"/>
    </row>
    <row r="107" spans="1:2" s="2" customFormat="1" hidden="1" x14ac:dyDescent="0.25">
      <c r="A107" s="37"/>
      <c r="B107" s="38"/>
    </row>
    <row r="108" spans="1:2" s="2" customFormat="1" hidden="1" x14ac:dyDescent="0.25">
      <c r="A108" s="37"/>
      <c r="B108" s="38"/>
    </row>
    <row r="109" spans="1:2" s="2" customFormat="1" hidden="1" x14ac:dyDescent="0.25">
      <c r="A109" s="37"/>
      <c r="B109" s="38"/>
    </row>
    <row r="110" spans="1:2" s="2" customFormat="1" hidden="1" x14ac:dyDescent="0.25">
      <c r="A110" s="37"/>
      <c r="B110" s="38"/>
    </row>
    <row r="111" spans="1:2" s="2" customFormat="1" hidden="1" x14ac:dyDescent="0.25">
      <c r="A111" s="37"/>
      <c r="B111" s="38"/>
    </row>
    <row r="112" spans="1:2" s="2" customFormat="1" hidden="1" x14ac:dyDescent="0.25">
      <c r="A112" s="37"/>
      <c r="B112" s="38"/>
    </row>
    <row r="113" spans="1:2" s="2" customFormat="1" hidden="1" x14ac:dyDescent="0.25">
      <c r="A113" s="37"/>
      <c r="B113" s="38"/>
    </row>
    <row r="114" spans="1:2" s="2" customFormat="1" hidden="1" x14ac:dyDescent="0.25">
      <c r="A114" s="37"/>
      <c r="B114" s="38"/>
    </row>
    <row r="115" spans="1:2" s="2" customFormat="1" hidden="1" x14ac:dyDescent="0.25">
      <c r="A115" s="37"/>
      <c r="B115" s="38"/>
    </row>
    <row r="116" spans="1:2" s="2" customFormat="1" hidden="1" x14ac:dyDescent="0.25">
      <c r="A116" s="37"/>
      <c r="B116" s="38"/>
    </row>
    <row r="117" spans="1:2" x14ac:dyDescent="0.25"/>
  </sheetData>
  <mergeCells count="16">
    <mergeCell ref="A101:B101"/>
    <mergeCell ref="A2:B2"/>
    <mergeCell ref="A93:B93"/>
    <mergeCell ref="A94:B94"/>
    <mergeCell ref="A95:B95"/>
    <mergeCell ref="A96:B96"/>
    <mergeCell ref="A92:B92"/>
    <mergeCell ref="A3:B3"/>
    <mergeCell ref="A68:B68"/>
    <mergeCell ref="A32:B32"/>
    <mergeCell ref="A16:A20"/>
    <mergeCell ref="A56:B56"/>
    <mergeCell ref="A97:B97"/>
    <mergeCell ref="A98:B98"/>
    <mergeCell ref="A99:B99"/>
    <mergeCell ref="A100:B100"/>
  </mergeCells>
  <phoneticPr fontId="2" type="noConversion"/>
  <pageMargins left="0.35433070866141736" right="0.15748031496062992" top="0.31496062992125984" bottom="0.55118110236220474" header="0" footer="0"/>
  <pageSetup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2</vt:i4>
      </vt:variant>
    </vt:vector>
  </HeadingPairs>
  <TitlesOfParts>
    <vt:vector size="3" baseType="lpstr">
      <vt:lpstr>Todo Riesgo Construcción</vt:lpstr>
      <vt:lpstr>'Todo Riesgo Construcción'!Área_de_impresión</vt:lpstr>
      <vt:lpstr>'Todo Riesgo Construcción'!Títulos_a_imprimir</vt:lpstr>
    </vt:vector>
  </TitlesOfParts>
  <Company>Marsh &amp; McLennan Compani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rojas</dc:creator>
  <cp:lastModifiedBy>Aponte Hernandez, Christian Fernando</cp:lastModifiedBy>
  <cp:lastPrinted>2018-12-06T20:47:12Z</cp:lastPrinted>
  <dcterms:created xsi:type="dcterms:W3CDTF">2011-05-30T14:54:16Z</dcterms:created>
  <dcterms:modified xsi:type="dcterms:W3CDTF">2023-09-18T22:39:15Z</dcterms:modified>
</cp:coreProperties>
</file>